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99_課共用\997_働き方改革プロジェクト\10_時短計画、特例水準指定申請\09_特例水準通知書類\20230424_起案\"/>
    </mc:Choice>
  </mc:AlternateContent>
  <bookViews>
    <workbookView xWindow="-108" yWindow="-108" windowWidth="23256" windowHeight="12456"/>
  </bookViews>
  <sheets>
    <sheet name="一覧表" sheetId="2" r:id="rId1"/>
  </sheets>
  <definedNames>
    <definedName name="_xlnm.Print_Area" localSheetId="0">一覧表!$A$1:$G$34</definedName>
    <definedName name="_xlnm.Print_Titles" localSheetId="0">一覧表!$7:$8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" uniqueCount="11">
  <si>
    <t>NO.</t>
    <phoneticPr fontId="1"/>
  </si>
  <si>
    <t>名称</t>
    <rPh sb="0" eb="2">
      <t>メイショウ</t>
    </rPh>
    <phoneticPr fontId="1"/>
  </si>
  <si>
    <t>派遣先医療機関一覧</t>
    <rPh sb="0" eb="3">
      <t>ハケンサキ</t>
    </rPh>
    <rPh sb="3" eb="7">
      <t>イリョウキカン</t>
    </rPh>
    <rPh sb="7" eb="9">
      <t>イチラン</t>
    </rPh>
    <phoneticPr fontId="1"/>
  </si>
  <si>
    <t>病院名</t>
    <phoneticPr fontId="2"/>
  </si>
  <si>
    <t>派遣元診療科</t>
    <rPh sb="0" eb="3">
      <t>ハケンモト</t>
    </rPh>
    <rPh sb="3" eb="6">
      <t>シンリョウカ</t>
    </rPh>
    <phoneticPr fontId="1"/>
  </si>
  <si>
    <t>※表に収まらない場合は、行を増やしても、一覧表を添付しても構いません。</t>
    <phoneticPr fontId="2"/>
  </si>
  <si>
    <t>派遣
人数</t>
    <rPh sb="0" eb="2">
      <t>ハケン</t>
    </rPh>
    <rPh sb="3" eb="5">
      <t>ニンズウ</t>
    </rPh>
    <phoneticPr fontId="1"/>
  </si>
  <si>
    <r>
      <rPr>
        <u/>
        <sz val="11"/>
        <color theme="1"/>
        <rFont val="ＭＳ Ｐゴシック"/>
        <family val="3"/>
        <charset val="128"/>
        <scheme val="minor"/>
      </rPr>
      <t>　　年　　月　　日</t>
    </r>
    <r>
      <rPr>
        <sz val="11"/>
        <color theme="1"/>
        <rFont val="ＭＳ Ｐゴシック"/>
        <family val="3"/>
        <charset val="128"/>
        <scheme val="minor"/>
      </rPr>
      <t>時点の派遣状況　（※申請時から近い任意の日をご記入ください。）</t>
    </r>
    <rPh sb="2" eb="3">
      <t>トシ</t>
    </rPh>
    <rPh sb="5" eb="6">
      <t>ツキ</t>
    </rPh>
    <rPh sb="8" eb="9">
      <t>ヒ</t>
    </rPh>
    <rPh sb="9" eb="11">
      <t>ジテン</t>
    </rPh>
    <rPh sb="12" eb="14">
      <t>ハケン</t>
    </rPh>
    <rPh sb="14" eb="16">
      <t>ジョウキョウ</t>
    </rPh>
    <rPh sb="19" eb="21">
      <t>シンセイ</t>
    </rPh>
    <rPh sb="21" eb="22">
      <t>ジ</t>
    </rPh>
    <rPh sb="24" eb="25">
      <t>チカ</t>
    </rPh>
    <rPh sb="26" eb="28">
      <t>ニンイ</t>
    </rPh>
    <rPh sb="29" eb="30">
      <t>ヒ</t>
    </rPh>
    <rPh sb="32" eb="34">
      <t>キニュウ</t>
    </rPh>
    <phoneticPr fontId="2"/>
  </si>
  <si>
    <t>診療科</t>
    <rPh sb="0" eb="3">
      <t>シンリョウカ</t>
    </rPh>
    <phoneticPr fontId="2"/>
  </si>
  <si>
    <t>所在
都道府県</t>
    <rPh sb="0" eb="2">
      <t>ショザイ</t>
    </rPh>
    <rPh sb="3" eb="7">
      <t>トドウフケン</t>
    </rPh>
    <phoneticPr fontId="1"/>
  </si>
  <si>
    <t>派遣先病院</t>
    <rPh sb="0" eb="2">
      <t>ハケン</t>
    </rPh>
    <rPh sb="2" eb="3">
      <t>サキ</t>
    </rPh>
    <rPh sb="3" eb="5">
      <t>ビョウ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u/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5">
    <xf numFmtId="0" fontId="0" fillId="0" borderId="0" xfId="0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1" xfId="0" applyBorder="1" applyAlignment="1" applyProtection="1">
      <alignment horizontal="left" vertical="center" shrinkToFit="1"/>
      <protection locked="0"/>
    </xf>
    <xf numFmtId="0" fontId="0" fillId="0" borderId="1" xfId="0" applyBorder="1" applyAlignment="1" applyProtection="1">
      <alignment vertical="center" shrinkToFit="1"/>
      <protection locked="0"/>
    </xf>
    <xf numFmtId="0" fontId="0" fillId="0" borderId="1" xfId="0" applyBorder="1" applyAlignment="1" applyProtection="1">
      <alignment vertical="center"/>
      <protection locked="0"/>
    </xf>
    <xf numFmtId="0" fontId="0" fillId="0" borderId="1" xfId="0" applyBorder="1" applyAlignment="1" applyProtection="1">
      <alignment vertical="center" shrinkToFit="1"/>
      <protection locked="0" hidden="1"/>
    </xf>
    <xf numFmtId="0" fontId="0" fillId="0" borderId="1" xfId="0" applyBorder="1" applyProtection="1">
      <alignment vertical="center"/>
      <protection locked="0" hidden="1"/>
    </xf>
    <xf numFmtId="0" fontId="4" fillId="0" borderId="1" xfId="0" applyFont="1" applyBorder="1" applyAlignment="1">
      <alignment horizontal="center" vertical="center"/>
    </xf>
    <xf numFmtId="0" fontId="0" fillId="0" borderId="0" xfId="0" applyNumberFormat="1" applyBorder="1" applyAlignment="1" applyProtection="1">
      <alignment horizontal="center" vertical="center"/>
      <protection locked="0"/>
    </xf>
    <xf numFmtId="0" fontId="0" fillId="0" borderId="0" xfId="0" applyAlignment="1"/>
    <xf numFmtId="0" fontId="5" fillId="0" borderId="4" xfId="0" applyFont="1" applyBorder="1" applyAlignment="1">
      <alignment vertical="center"/>
    </xf>
    <xf numFmtId="0" fontId="0" fillId="0" borderId="1" xfId="0" applyNumberFormat="1" applyBorder="1" applyAlignment="1" applyProtection="1">
      <alignment horizontal="center" vertical="center"/>
      <protection locked="0"/>
    </xf>
    <xf numFmtId="0" fontId="0" fillId="0" borderId="1" xfId="0" applyNumberFormat="1" applyBorder="1" applyAlignment="1" applyProtection="1">
      <alignment horizontal="center" vertical="center"/>
      <protection locked="0" hidden="1"/>
    </xf>
    <xf numFmtId="0" fontId="3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6" fillId="0" borderId="0" xfId="0" applyFont="1" applyAlignment="1">
      <alignment horizontal="center" vertical="center"/>
    </xf>
    <xf numFmtId="0" fontId="0" fillId="0" borderId="0" xfId="0" applyAlignment="1"/>
    <xf numFmtId="0" fontId="4" fillId="0" borderId="5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4"/>
  <sheetViews>
    <sheetView tabSelected="1" view="pageLayout" zoomScaleNormal="100" zoomScaleSheetLayoutView="90" workbookViewId="0">
      <selection sqref="A1:G1"/>
    </sheetView>
  </sheetViews>
  <sheetFormatPr defaultRowHeight="13.2" x14ac:dyDescent="0.2"/>
  <cols>
    <col min="1" max="1" width="1.77734375" customWidth="1"/>
    <col min="2" max="2" width="4.5546875" customWidth="1"/>
    <col min="3" max="3" width="15" customWidth="1"/>
    <col min="4" max="4" width="9.109375" customWidth="1"/>
    <col min="5" max="5" width="12" customWidth="1"/>
    <col min="6" max="6" width="35.5546875" customWidth="1"/>
    <col min="7" max="7" width="13.21875" customWidth="1"/>
    <col min="8" max="8" width="2.109375" customWidth="1"/>
    <col min="10" max="10" width="9" customWidth="1"/>
  </cols>
  <sheetData>
    <row r="1" spans="1:9" ht="24" customHeight="1" x14ac:dyDescent="0.2">
      <c r="A1" s="20" t="s">
        <v>2</v>
      </c>
      <c r="B1" s="20"/>
      <c r="C1" s="20"/>
      <c r="D1" s="20"/>
      <c r="E1" s="20"/>
      <c r="F1" s="20"/>
      <c r="G1" s="20"/>
    </row>
    <row r="2" spans="1:9" ht="10.199999999999999" customHeight="1" x14ac:dyDescent="0.2">
      <c r="D2" s="2"/>
      <c r="G2" s="10"/>
    </row>
    <row r="3" spans="1:9" ht="28.8" customHeight="1" x14ac:dyDescent="0.2">
      <c r="D3" s="14" t="s">
        <v>3</v>
      </c>
      <c r="E3" s="11"/>
      <c r="F3" s="11"/>
      <c r="G3" s="11"/>
    </row>
    <row r="4" spans="1:9" ht="24.75" customHeight="1" x14ac:dyDescent="0.2">
      <c r="D4" s="2"/>
    </row>
    <row r="5" spans="1:9" s="10" customFormat="1" ht="24.75" customHeight="1" x14ac:dyDescent="0.2">
      <c r="B5" s="21" t="s">
        <v>7</v>
      </c>
      <c r="C5" s="21"/>
      <c r="D5" s="21"/>
      <c r="E5" s="21"/>
      <c r="F5" s="21"/>
      <c r="G5" s="21"/>
    </row>
    <row r="6" spans="1:9" ht="10.8" customHeight="1" x14ac:dyDescent="0.2">
      <c r="D6" s="2"/>
    </row>
    <row r="7" spans="1:9" ht="22.5" customHeight="1" x14ac:dyDescent="0.2">
      <c r="B7" s="16" t="s">
        <v>0</v>
      </c>
      <c r="C7" s="18" t="s">
        <v>4</v>
      </c>
      <c r="D7" s="18" t="s">
        <v>6</v>
      </c>
      <c r="E7" s="22" t="s">
        <v>10</v>
      </c>
      <c r="F7" s="23"/>
      <c r="G7" s="24"/>
    </row>
    <row r="8" spans="1:9" ht="28.2" customHeight="1" x14ac:dyDescent="0.2">
      <c r="B8" s="17"/>
      <c r="C8" s="19"/>
      <c r="D8" s="19"/>
      <c r="E8" s="15" t="s">
        <v>9</v>
      </c>
      <c r="F8" s="8" t="s">
        <v>1</v>
      </c>
      <c r="G8" s="8" t="s">
        <v>8</v>
      </c>
      <c r="I8" s="9"/>
    </row>
    <row r="9" spans="1:9" ht="24.6" customHeight="1" x14ac:dyDescent="0.2">
      <c r="B9" s="1">
        <v>1</v>
      </c>
      <c r="C9" s="3"/>
      <c r="D9" s="12"/>
      <c r="E9" s="4"/>
      <c r="F9" s="4"/>
      <c r="G9" s="5"/>
    </row>
    <row r="10" spans="1:9" ht="24.6" customHeight="1" x14ac:dyDescent="0.2">
      <c r="B10" s="1">
        <v>2</v>
      </c>
      <c r="C10" s="3"/>
      <c r="D10" s="12"/>
      <c r="E10" s="4"/>
      <c r="F10" s="4"/>
      <c r="G10" s="5"/>
    </row>
    <row r="11" spans="1:9" ht="24.6" customHeight="1" x14ac:dyDescent="0.2">
      <c r="B11" s="1">
        <v>3</v>
      </c>
      <c r="C11" s="3"/>
      <c r="D11" s="12"/>
      <c r="E11" s="4"/>
      <c r="F11" s="4"/>
      <c r="G11" s="5"/>
    </row>
    <row r="12" spans="1:9" ht="24.6" customHeight="1" x14ac:dyDescent="0.2">
      <c r="B12" s="1">
        <v>4</v>
      </c>
      <c r="C12" s="6"/>
      <c r="D12" s="13"/>
      <c r="E12" s="6"/>
      <c r="F12" s="6"/>
      <c r="G12" s="7"/>
    </row>
    <row r="13" spans="1:9" ht="24.6" customHeight="1" x14ac:dyDescent="0.2">
      <c r="B13" s="1">
        <v>5</v>
      </c>
      <c r="C13" s="6"/>
      <c r="D13" s="13"/>
      <c r="E13" s="6"/>
      <c r="F13" s="6"/>
      <c r="G13" s="7"/>
    </row>
    <row r="14" spans="1:9" ht="24.6" customHeight="1" x14ac:dyDescent="0.2">
      <c r="B14" s="1">
        <v>6</v>
      </c>
      <c r="C14" s="6"/>
      <c r="D14" s="13"/>
      <c r="E14" s="6"/>
      <c r="F14" s="6"/>
      <c r="G14" s="7"/>
    </row>
    <row r="15" spans="1:9" ht="24.6" customHeight="1" x14ac:dyDescent="0.2">
      <c r="B15" s="1">
        <v>7</v>
      </c>
      <c r="C15" s="6"/>
      <c r="D15" s="13"/>
      <c r="E15" s="6"/>
      <c r="F15" s="6"/>
      <c r="G15" s="7"/>
    </row>
    <row r="16" spans="1:9" ht="24.6" customHeight="1" x14ac:dyDescent="0.2">
      <c r="B16" s="1">
        <v>8</v>
      </c>
      <c r="C16" s="6"/>
      <c r="D16" s="13"/>
      <c r="E16" s="6"/>
      <c r="F16" s="6"/>
      <c r="G16" s="7"/>
    </row>
    <row r="17" spans="2:7" ht="24.6" customHeight="1" x14ac:dyDescent="0.2">
      <c r="B17" s="1">
        <v>9</v>
      </c>
      <c r="C17" s="6"/>
      <c r="D17" s="13"/>
      <c r="E17" s="6"/>
      <c r="F17" s="6"/>
      <c r="G17" s="7"/>
    </row>
    <row r="18" spans="2:7" ht="24.6" customHeight="1" x14ac:dyDescent="0.2">
      <c r="B18" s="1">
        <v>10</v>
      </c>
      <c r="C18" s="6"/>
      <c r="D18" s="13"/>
      <c r="E18" s="6"/>
      <c r="F18" s="6"/>
      <c r="G18" s="7"/>
    </row>
    <row r="19" spans="2:7" ht="24.6" customHeight="1" x14ac:dyDescent="0.2">
      <c r="B19" s="1">
        <v>11</v>
      </c>
      <c r="C19" s="6"/>
      <c r="D19" s="13"/>
      <c r="E19" s="6"/>
      <c r="F19" s="6"/>
      <c r="G19" s="7"/>
    </row>
    <row r="20" spans="2:7" ht="24.6" customHeight="1" x14ac:dyDescent="0.2">
      <c r="B20" s="1">
        <v>12</v>
      </c>
      <c r="C20" s="6"/>
      <c r="D20" s="13"/>
      <c r="E20" s="6"/>
      <c r="F20" s="6"/>
      <c r="G20" s="7"/>
    </row>
    <row r="21" spans="2:7" ht="24.6" customHeight="1" x14ac:dyDescent="0.2">
      <c r="B21" s="1">
        <v>13</v>
      </c>
      <c r="C21" s="6"/>
      <c r="D21" s="13"/>
      <c r="E21" s="6"/>
      <c r="F21" s="6"/>
      <c r="G21" s="7"/>
    </row>
    <row r="22" spans="2:7" ht="24.6" customHeight="1" x14ac:dyDescent="0.2">
      <c r="B22" s="1">
        <v>14</v>
      </c>
      <c r="C22" s="6"/>
      <c r="D22" s="13"/>
      <c r="E22" s="6"/>
      <c r="F22" s="6"/>
      <c r="G22" s="7"/>
    </row>
    <row r="23" spans="2:7" ht="24.6" customHeight="1" x14ac:dyDescent="0.2">
      <c r="B23" s="1">
        <v>15</v>
      </c>
      <c r="C23" s="6"/>
      <c r="D23" s="13"/>
      <c r="E23" s="6"/>
      <c r="F23" s="6"/>
      <c r="G23" s="7"/>
    </row>
    <row r="24" spans="2:7" ht="24.6" customHeight="1" x14ac:dyDescent="0.2">
      <c r="B24" s="1">
        <v>16</v>
      </c>
      <c r="C24" s="6"/>
      <c r="D24" s="13"/>
      <c r="E24" s="6"/>
      <c r="F24" s="6"/>
      <c r="G24" s="7"/>
    </row>
    <row r="25" spans="2:7" ht="24.6" customHeight="1" x14ac:dyDescent="0.2">
      <c r="B25" s="1">
        <v>17</v>
      </c>
      <c r="C25" s="6"/>
      <c r="D25" s="13"/>
      <c r="E25" s="6"/>
      <c r="F25" s="6"/>
      <c r="G25" s="7"/>
    </row>
    <row r="26" spans="2:7" ht="24.6" customHeight="1" x14ac:dyDescent="0.2">
      <c r="B26" s="1">
        <v>18</v>
      </c>
      <c r="C26" s="6"/>
      <c r="D26" s="13"/>
      <c r="E26" s="6"/>
      <c r="F26" s="6"/>
      <c r="G26" s="7"/>
    </row>
    <row r="27" spans="2:7" ht="24.6" customHeight="1" x14ac:dyDescent="0.2">
      <c r="B27" s="1">
        <v>19</v>
      </c>
      <c r="C27" s="6"/>
      <c r="D27" s="13"/>
      <c r="E27" s="6"/>
      <c r="F27" s="6"/>
      <c r="G27" s="7"/>
    </row>
    <row r="28" spans="2:7" ht="24.6" customHeight="1" x14ac:dyDescent="0.2">
      <c r="B28" s="1">
        <v>20</v>
      </c>
      <c r="C28" s="6"/>
      <c r="D28" s="13"/>
      <c r="E28" s="6"/>
      <c r="F28" s="6"/>
      <c r="G28" s="7"/>
    </row>
    <row r="29" spans="2:7" ht="24.6" customHeight="1" x14ac:dyDescent="0.2">
      <c r="B29" s="1">
        <v>21</v>
      </c>
      <c r="C29" s="6"/>
      <c r="D29" s="13"/>
      <c r="E29" s="6"/>
      <c r="F29" s="6"/>
      <c r="G29" s="7"/>
    </row>
    <row r="30" spans="2:7" ht="24.6" customHeight="1" x14ac:dyDescent="0.2">
      <c r="B30" s="1">
        <v>22</v>
      </c>
      <c r="C30" s="6"/>
      <c r="D30" s="13"/>
      <c r="E30" s="6"/>
      <c r="F30" s="6"/>
      <c r="G30" s="7"/>
    </row>
    <row r="31" spans="2:7" ht="24.6" customHeight="1" x14ac:dyDescent="0.2">
      <c r="B31" s="1">
        <v>23</v>
      </c>
      <c r="C31" s="6"/>
      <c r="D31" s="13"/>
      <c r="E31" s="6"/>
      <c r="F31" s="6"/>
      <c r="G31" s="7"/>
    </row>
    <row r="32" spans="2:7" ht="24.6" customHeight="1" x14ac:dyDescent="0.2">
      <c r="B32" s="1">
        <v>24</v>
      </c>
      <c r="C32" s="6"/>
      <c r="D32" s="13"/>
      <c r="E32" s="6"/>
      <c r="F32" s="6"/>
      <c r="G32" s="7"/>
    </row>
    <row r="33" spans="2:7" ht="24.6" customHeight="1" x14ac:dyDescent="0.2">
      <c r="B33" s="1">
        <v>25</v>
      </c>
      <c r="C33" s="6"/>
      <c r="D33" s="13"/>
      <c r="E33" s="6"/>
      <c r="F33" s="6"/>
      <c r="G33" s="7"/>
    </row>
    <row r="34" spans="2:7" ht="27" customHeight="1" x14ac:dyDescent="0.2">
      <c r="B34" t="s">
        <v>5</v>
      </c>
    </row>
  </sheetData>
  <sheetProtection formatCells="0" selectLockedCells="1"/>
  <mergeCells count="6">
    <mergeCell ref="B7:B8"/>
    <mergeCell ref="C7:C8"/>
    <mergeCell ref="D7:D8"/>
    <mergeCell ref="A1:G1"/>
    <mergeCell ref="B5:G5"/>
    <mergeCell ref="E7:G7"/>
  </mergeCells>
  <phoneticPr fontId="2"/>
  <printOptions horizontalCentered="1"/>
  <pageMargins left="0.78740157480314965" right="0.78740157480314965" top="0.78740157480314965" bottom="0.78740157480314965" header="0.59055118110236227" footer="0.31496062992125984"/>
  <pageSetup paperSize="9" scale="92" fitToHeight="0" orientation="portrait" horizontalDpi="300" verticalDpi="300" r:id="rId1"/>
  <headerFooter differentFirst="1">
    <firstHeader>&amp;L&amp;"ＭＳ ゴシック,標準"&amp;12 様式５</first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一覧表</vt:lpstr>
      <vt:lpstr>一覧表!Print_Area</vt:lpstr>
      <vt:lpstr>一覧表!Print_Titles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23-04-20T08:36:59Z</cp:lastPrinted>
  <dcterms:created xsi:type="dcterms:W3CDTF">2009-05-19T05:10:51Z</dcterms:created>
  <dcterms:modified xsi:type="dcterms:W3CDTF">2023-04-26T08:44:43Z</dcterms:modified>
</cp:coreProperties>
</file>